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heme/theme2.xml" ContentType="application/vnd.openxmlformats-officedocument.them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>
  <p:sldMasterIdLst>
    <p:sldMasterId id="2147483914" r:id="rId10"/>
  </p:sldMasterIdLst>
  <p:notesMasterIdLst>
    <p:notesMasterId r:id="rId13"/>
  </p:notesMasterIdLst>
  <p:sldIdLst>
    <p:sldId id="2147482449" r:id="rId11"/>
    <p:sldId id="2147482450" r:id="rId12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>
          <p15:clr>
            <a:srgbClr val="A4A3A4"/>
          </p15:clr>
        </p15:guide>
      </p15:sld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207D7910-AFBB-81F4-F78D-D1CB22DB25FB}" name="Szurley, Andrew" initials="SA" userId="S::andrew.szurley@philips.com::2a97ee8d-9f17-4a30-b925-492e83adfd1a" providerId="AD"/>
  <p188:author id="{BCD857D6-1095-ECB9-98FC-A23831D54D07}" name="Molly Millette" initials="MM" userId="Molly Millette" providerId="None"/>
  <p188:author id="{59FBEAEC-950D-838A-404F-595B59C2B3AE}" name="Baranyi, Katalin" initials="BK" userId="S::katalin.baranyi@philips.com::29601c16-b456-4b26-996e-60c2ac4db5c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14" autoAdjust="0"/>
    <p:restoredTop sz="94660"/>
  </p:normalViewPr>
  <p:slideViewPr>
    <p:cSldViewPr snapToGrid="0">
      <p:cViewPr varScale="1">
        <p:scale>
          <a:sx n="147" d="100"/>
          <a:sy n="147" d="100"/>
        </p:scale>
        <p:origin x="600" y="126"/>
      </p:cViewPr>
      <p:guideLst>
        <p:guide orient="horz" pos="1620"/>
        <p:guide pos="288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gridSpacing cx="57150" cy="5715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notesMaster" Target="notesMasters/notesMaster1.xml"/><Relationship Id="rId18" Type="http://schemas.microsoft.com/office/2018/10/relationships/authors" Target="author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Master" Target="slideMasters/slide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9/2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52741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195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1169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26076"/>
            <a:ext cx="6169658" cy="109728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8FA1B3DF-B7F7-A6FC-D2DA-37DFA813DC5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93188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4CCA470A-EDFC-4267-5BD2-6E9CA92A0EA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57586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coral (with image)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F303C8DA-7DAA-6B46-DF91-43499FB65FC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47593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2F4B2C2-825D-08DB-6EEA-E698EE6DDB3F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DC43E1-3C41-8B31-8EB9-6D6F6848EA01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4E2843C6-8DAB-3466-178F-F71F32616C8B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6ECCFF-A929-6A5B-CB9E-1BBF7BFB286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E797AE0A-F0AD-C61C-B8A0-BB31D3BB35A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45087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CFD8FF5D-3680-130D-B55E-0BD741122D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784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5F574A60-D183-D19F-88E6-EEE0C3D702F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1B99D331-9587-B883-7DF3-0B9D6E5686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E7296B94-E425-EDA6-3EEF-41ED947C736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47069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1143315D-23FD-5730-9D7C-25427B45A2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749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B612692-DD73-95A3-A271-007D4B4C16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08252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BD8C952-2371-12B5-E414-3D146114F64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8139929" cy="3484800"/>
          </a:xfrm>
        </p:spPr>
        <p:txBody>
          <a:bodyPr/>
          <a:lstStyle>
            <a:lvl1pPr defTabSz="182880">
              <a:defRPr/>
            </a:lvl1pPr>
            <a:lvl2pPr defTabSz="182880">
              <a:defRPr/>
            </a:lvl2pPr>
            <a:lvl3pPr defTabSz="182880">
              <a:defRPr/>
            </a:lvl3pPr>
            <a:lvl4pPr defTabSz="182880">
              <a:defRPr/>
            </a:lvl4pPr>
            <a:lvl5pPr defTabSz="182880"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80555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815819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902686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77487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B450D946-063C-E6F2-C532-BF5205DA3DE2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254138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42651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607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99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91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340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2" name="Graphic 3">
            <a:extLst>
              <a:ext uri="{FF2B5EF4-FFF2-40B4-BE49-F238E27FC236}">
                <a16:creationId xmlns:a16="http://schemas.microsoft.com/office/drawing/2014/main" id="{5D13E381-82CC-C9E1-035C-82858900B6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007706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custGeom>
            <a:avLst/>
            <a:gdLst>
              <a:gd name="connsiteX0" fmla="*/ 5608154 w 5889128"/>
              <a:gd name="connsiteY0" fmla="*/ 4918488 h 5143500"/>
              <a:gd name="connsiteX1" fmla="*/ 5608161 w 5889128"/>
              <a:gd name="connsiteY1" fmla="*/ 4918496 h 5143500"/>
              <a:gd name="connsiteX2" fmla="*/ 5608154 w 5889128"/>
              <a:gd name="connsiteY2" fmla="*/ 4918507 h 5143500"/>
              <a:gd name="connsiteX3" fmla="*/ 5503289 w 5889128"/>
              <a:gd name="connsiteY3" fmla="*/ 4908488 h 5143500"/>
              <a:gd name="connsiteX4" fmla="*/ 5528554 w 5889128"/>
              <a:gd name="connsiteY4" fmla="*/ 4930911 h 5143500"/>
              <a:gd name="connsiteX5" fmla="*/ 5503289 w 5889128"/>
              <a:gd name="connsiteY5" fmla="*/ 4955720 h 5143500"/>
              <a:gd name="connsiteX6" fmla="*/ 5497566 w 5889128"/>
              <a:gd name="connsiteY6" fmla="*/ 4955720 h 5143500"/>
              <a:gd name="connsiteX7" fmla="*/ 5497566 w 5889128"/>
              <a:gd name="connsiteY7" fmla="*/ 4908607 h 5143500"/>
              <a:gd name="connsiteX8" fmla="*/ 5503289 w 5889128"/>
              <a:gd name="connsiteY8" fmla="*/ 4908488 h 5143500"/>
              <a:gd name="connsiteX9" fmla="*/ 5055698 w 5889128"/>
              <a:gd name="connsiteY9" fmla="*/ 4908488 h 5143500"/>
              <a:gd name="connsiteX10" fmla="*/ 5080964 w 5889128"/>
              <a:gd name="connsiteY10" fmla="*/ 4930911 h 5143500"/>
              <a:gd name="connsiteX11" fmla="*/ 5055698 w 5889128"/>
              <a:gd name="connsiteY11" fmla="*/ 4955720 h 5143500"/>
              <a:gd name="connsiteX12" fmla="*/ 5049976 w 5889128"/>
              <a:gd name="connsiteY12" fmla="*/ 4955720 h 5143500"/>
              <a:gd name="connsiteX13" fmla="*/ 5049976 w 5889128"/>
              <a:gd name="connsiteY13" fmla="*/ 4908607 h 5143500"/>
              <a:gd name="connsiteX14" fmla="*/ 5055698 w 5889128"/>
              <a:gd name="connsiteY14" fmla="*/ 4908488 h 5143500"/>
              <a:gd name="connsiteX15" fmla="*/ 5401759 w 5889128"/>
              <a:gd name="connsiteY15" fmla="*/ 4889411 h 5143500"/>
              <a:gd name="connsiteX16" fmla="*/ 5401759 w 5889128"/>
              <a:gd name="connsiteY16" fmla="*/ 5003417 h 5143500"/>
              <a:gd name="connsiteX17" fmla="*/ 5436559 w 5889128"/>
              <a:gd name="connsiteY17" fmla="*/ 5003417 h 5143500"/>
              <a:gd name="connsiteX18" fmla="*/ 5436559 w 5889128"/>
              <a:gd name="connsiteY18" fmla="*/ 4889411 h 5143500"/>
              <a:gd name="connsiteX19" fmla="*/ 5321199 w 5889128"/>
              <a:gd name="connsiteY19" fmla="*/ 4889411 h 5143500"/>
              <a:gd name="connsiteX20" fmla="*/ 5321199 w 5889128"/>
              <a:gd name="connsiteY20" fmla="*/ 5003417 h 5143500"/>
              <a:gd name="connsiteX21" fmla="*/ 5384117 w 5889128"/>
              <a:gd name="connsiteY21" fmla="*/ 5003417 h 5143500"/>
              <a:gd name="connsiteX22" fmla="*/ 5389364 w 5889128"/>
              <a:gd name="connsiteY22" fmla="*/ 4980519 h 5143500"/>
              <a:gd name="connsiteX23" fmla="*/ 5355999 w 5889128"/>
              <a:gd name="connsiteY23" fmla="*/ 4980519 h 5143500"/>
              <a:gd name="connsiteX24" fmla="*/ 5355999 w 5889128"/>
              <a:gd name="connsiteY24" fmla="*/ 4889411 h 5143500"/>
              <a:gd name="connsiteX25" fmla="*/ 5260667 w 5889128"/>
              <a:gd name="connsiteY25" fmla="*/ 4889411 h 5143500"/>
              <a:gd name="connsiteX26" fmla="*/ 5260667 w 5889128"/>
              <a:gd name="connsiteY26" fmla="*/ 5003417 h 5143500"/>
              <a:gd name="connsiteX27" fmla="*/ 5295467 w 5889128"/>
              <a:gd name="connsiteY27" fmla="*/ 5003417 h 5143500"/>
              <a:gd name="connsiteX28" fmla="*/ 5295467 w 5889128"/>
              <a:gd name="connsiteY28" fmla="*/ 4889411 h 5143500"/>
              <a:gd name="connsiteX29" fmla="*/ 5129101 w 5889128"/>
              <a:gd name="connsiteY29" fmla="*/ 4889411 h 5143500"/>
              <a:gd name="connsiteX30" fmla="*/ 5129101 w 5889128"/>
              <a:gd name="connsiteY30" fmla="*/ 5003417 h 5143500"/>
              <a:gd name="connsiteX31" fmla="*/ 5163900 w 5889128"/>
              <a:gd name="connsiteY31" fmla="*/ 5003417 h 5143500"/>
              <a:gd name="connsiteX32" fmla="*/ 5163900 w 5889128"/>
              <a:gd name="connsiteY32" fmla="*/ 4958581 h 5143500"/>
              <a:gd name="connsiteX33" fmla="*/ 5200126 w 5889128"/>
              <a:gd name="connsiteY33" fmla="*/ 4958581 h 5143500"/>
              <a:gd name="connsiteX34" fmla="*/ 5200126 w 5889128"/>
              <a:gd name="connsiteY34" fmla="*/ 5003417 h 5143500"/>
              <a:gd name="connsiteX35" fmla="*/ 5234926 w 5889128"/>
              <a:gd name="connsiteY35" fmla="*/ 5003417 h 5143500"/>
              <a:gd name="connsiteX36" fmla="*/ 5234926 w 5889128"/>
              <a:gd name="connsiteY36" fmla="*/ 4889411 h 5143500"/>
              <a:gd name="connsiteX37" fmla="*/ 5200126 w 5889128"/>
              <a:gd name="connsiteY37" fmla="*/ 4889411 h 5143500"/>
              <a:gd name="connsiteX38" fmla="*/ 5200126 w 5889128"/>
              <a:gd name="connsiteY38" fmla="*/ 4934732 h 5143500"/>
              <a:gd name="connsiteX39" fmla="*/ 5163900 w 5889128"/>
              <a:gd name="connsiteY39" fmla="*/ 4934732 h 5143500"/>
              <a:gd name="connsiteX40" fmla="*/ 5163900 w 5889128"/>
              <a:gd name="connsiteY40" fmla="*/ 4889411 h 5143500"/>
              <a:gd name="connsiteX41" fmla="*/ 5505190 w 5889128"/>
              <a:gd name="connsiteY41" fmla="*/ 4887025 h 5143500"/>
              <a:gd name="connsiteX42" fmla="*/ 5462766 w 5889128"/>
              <a:gd name="connsiteY42" fmla="*/ 4889411 h 5143500"/>
              <a:gd name="connsiteX43" fmla="*/ 5462766 w 5889128"/>
              <a:gd name="connsiteY43" fmla="*/ 5003417 h 5143500"/>
              <a:gd name="connsiteX44" fmla="*/ 5497566 w 5889128"/>
              <a:gd name="connsiteY44" fmla="*/ 5003417 h 5143500"/>
              <a:gd name="connsiteX45" fmla="*/ 5497566 w 5889128"/>
              <a:gd name="connsiteY45" fmla="*/ 4976223 h 5143500"/>
              <a:gd name="connsiteX46" fmla="*/ 5509962 w 5889128"/>
              <a:gd name="connsiteY46" fmla="*/ 4976223 h 5143500"/>
              <a:gd name="connsiteX47" fmla="*/ 5509962 w 5889128"/>
              <a:gd name="connsiteY47" fmla="*/ 4976232 h 5143500"/>
              <a:gd name="connsiteX48" fmla="*/ 5562870 w 5889128"/>
              <a:gd name="connsiteY48" fmla="*/ 4930436 h 5143500"/>
              <a:gd name="connsiteX49" fmla="*/ 5505190 w 5889128"/>
              <a:gd name="connsiteY49" fmla="*/ 4887025 h 5143500"/>
              <a:gd name="connsiteX50" fmla="*/ 5057609 w 5889128"/>
              <a:gd name="connsiteY50" fmla="*/ 4887025 h 5143500"/>
              <a:gd name="connsiteX51" fmla="*/ 5015185 w 5889128"/>
              <a:gd name="connsiteY51" fmla="*/ 4889411 h 5143500"/>
              <a:gd name="connsiteX52" fmla="*/ 5015185 w 5889128"/>
              <a:gd name="connsiteY52" fmla="*/ 5003417 h 5143500"/>
              <a:gd name="connsiteX53" fmla="*/ 5049985 w 5889128"/>
              <a:gd name="connsiteY53" fmla="*/ 5003417 h 5143500"/>
              <a:gd name="connsiteX54" fmla="*/ 5049985 w 5889128"/>
              <a:gd name="connsiteY54" fmla="*/ 4976223 h 5143500"/>
              <a:gd name="connsiteX55" fmla="*/ 5062380 w 5889128"/>
              <a:gd name="connsiteY55" fmla="*/ 4976223 h 5143500"/>
              <a:gd name="connsiteX56" fmla="*/ 5062371 w 5889128"/>
              <a:gd name="connsiteY56" fmla="*/ 4976232 h 5143500"/>
              <a:gd name="connsiteX57" fmla="*/ 5115279 w 5889128"/>
              <a:gd name="connsiteY57" fmla="*/ 4930436 h 5143500"/>
              <a:gd name="connsiteX58" fmla="*/ 5057609 w 5889128"/>
              <a:gd name="connsiteY58" fmla="*/ 4887025 h 5143500"/>
              <a:gd name="connsiteX59" fmla="*/ 5620541 w 5889128"/>
              <a:gd name="connsiteY59" fmla="*/ 4887016 h 5143500"/>
              <a:gd name="connsiteX60" fmla="*/ 5573355 w 5889128"/>
              <a:gd name="connsiteY60" fmla="*/ 4921359 h 5143500"/>
              <a:gd name="connsiteX61" fmla="*/ 5627698 w 5889128"/>
              <a:gd name="connsiteY61" fmla="*/ 4971927 h 5143500"/>
              <a:gd name="connsiteX62" fmla="*/ 5609590 w 5889128"/>
              <a:gd name="connsiteY62" fmla="*/ 4982896 h 5143500"/>
              <a:gd name="connsiteX63" fmla="*/ 5570027 w 5889128"/>
              <a:gd name="connsiteY63" fmla="*/ 4973828 h 5143500"/>
              <a:gd name="connsiteX64" fmla="*/ 5573839 w 5889128"/>
              <a:gd name="connsiteY64" fmla="*/ 5000063 h 5143500"/>
              <a:gd name="connsiteX65" fmla="*/ 5610065 w 5889128"/>
              <a:gd name="connsiteY65" fmla="*/ 5005785 h 5143500"/>
              <a:gd name="connsiteX66" fmla="*/ 5662973 w 5889128"/>
              <a:gd name="connsiteY66" fmla="*/ 4967621 h 5143500"/>
              <a:gd name="connsiteX67" fmla="*/ 5616720 w 5889128"/>
              <a:gd name="connsiteY67" fmla="*/ 4928446 h 5143500"/>
              <a:gd name="connsiteX68" fmla="*/ 5608161 w 5889128"/>
              <a:gd name="connsiteY68" fmla="*/ 4918496 h 5143500"/>
              <a:gd name="connsiteX69" fmla="*/ 5612504 w 5889128"/>
              <a:gd name="connsiteY69" fmla="*/ 4911649 h 5143500"/>
              <a:gd name="connsiteX70" fmla="*/ 5624362 w 5889128"/>
              <a:gd name="connsiteY70" fmla="*/ 4909439 h 5143500"/>
              <a:gd name="connsiteX71" fmla="*/ 5655340 w 5889128"/>
              <a:gd name="connsiteY71" fmla="*/ 4915161 h 5143500"/>
              <a:gd name="connsiteX72" fmla="*/ 5652479 w 5889128"/>
              <a:gd name="connsiteY72" fmla="*/ 4890352 h 5143500"/>
              <a:gd name="connsiteX73" fmla="*/ 5620541 w 5889128"/>
              <a:gd name="connsiteY73" fmla="*/ 4887016 h 5143500"/>
              <a:gd name="connsiteX74" fmla="*/ 0 w 5889128"/>
              <a:gd name="connsiteY74" fmla="*/ 0 h 5143500"/>
              <a:gd name="connsiteX75" fmla="*/ 5889128 w 5889128"/>
              <a:gd name="connsiteY75" fmla="*/ 0 h 5143500"/>
              <a:gd name="connsiteX76" fmla="*/ 5889128 w 5889128"/>
              <a:gd name="connsiteY76" fmla="*/ 5143500 h 5143500"/>
              <a:gd name="connsiteX77" fmla="*/ 0 w 5889128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89128" h="5143500">
                <a:moveTo>
                  <a:pt x="5608154" y="4918488"/>
                </a:moveTo>
                <a:lnTo>
                  <a:pt x="5608161" y="4918496"/>
                </a:lnTo>
                <a:lnTo>
                  <a:pt x="5608154" y="4918507"/>
                </a:lnTo>
                <a:close/>
                <a:moveTo>
                  <a:pt x="5503289" y="4908488"/>
                </a:moveTo>
                <a:cubicBezTo>
                  <a:pt x="5520446" y="4908488"/>
                  <a:pt x="5528554" y="4916596"/>
                  <a:pt x="5528554" y="4930911"/>
                </a:cubicBezTo>
                <a:cubicBezTo>
                  <a:pt x="5528554" y="4945701"/>
                  <a:pt x="5521406" y="4955720"/>
                  <a:pt x="5503289" y="4955720"/>
                </a:cubicBezTo>
                <a:lnTo>
                  <a:pt x="5497566" y="4955720"/>
                </a:lnTo>
                <a:lnTo>
                  <a:pt x="5497566" y="4908607"/>
                </a:lnTo>
                <a:cubicBezTo>
                  <a:pt x="5499586" y="4908488"/>
                  <a:pt x="5501497" y="4908488"/>
                  <a:pt x="5503289" y="4908488"/>
                </a:cubicBezTo>
                <a:close/>
                <a:moveTo>
                  <a:pt x="5055698" y="4908488"/>
                </a:moveTo>
                <a:cubicBezTo>
                  <a:pt x="5072856" y="4908488"/>
                  <a:pt x="5080964" y="4916596"/>
                  <a:pt x="5080964" y="4930911"/>
                </a:cubicBezTo>
                <a:cubicBezTo>
                  <a:pt x="5080964" y="4945701"/>
                  <a:pt x="5073816" y="4955720"/>
                  <a:pt x="5055698" y="4955720"/>
                </a:cubicBezTo>
                <a:lnTo>
                  <a:pt x="5049976" y="4955720"/>
                </a:lnTo>
                <a:lnTo>
                  <a:pt x="5049976" y="4908607"/>
                </a:lnTo>
                <a:cubicBezTo>
                  <a:pt x="5052005" y="4908488"/>
                  <a:pt x="5053906" y="4908488"/>
                  <a:pt x="5055698" y="4908488"/>
                </a:cubicBezTo>
                <a:close/>
                <a:moveTo>
                  <a:pt x="5401759" y="4889411"/>
                </a:moveTo>
                <a:lnTo>
                  <a:pt x="5401759" y="5003417"/>
                </a:lnTo>
                <a:lnTo>
                  <a:pt x="5436559" y="5003417"/>
                </a:lnTo>
                <a:lnTo>
                  <a:pt x="5436559" y="4889411"/>
                </a:lnTo>
                <a:close/>
                <a:moveTo>
                  <a:pt x="5321199" y="4889411"/>
                </a:moveTo>
                <a:lnTo>
                  <a:pt x="5321199" y="5003417"/>
                </a:lnTo>
                <a:lnTo>
                  <a:pt x="5384117" y="5003417"/>
                </a:lnTo>
                <a:lnTo>
                  <a:pt x="5389364" y="4980519"/>
                </a:lnTo>
                <a:lnTo>
                  <a:pt x="5355999" y="4980519"/>
                </a:lnTo>
                <a:lnTo>
                  <a:pt x="5355999" y="4889411"/>
                </a:lnTo>
                <a:close/>
                <a:moveTo>
                  <a:pt x="5260667" y="4889411"/>
                </a:moveTo>
                <a:lnTo>
                  <a:pt x="5260667" y="5003417"/>
                </a:lnTo>
                <a:lnTo>
                  <a:pt x="5295467" y="5003417"/>
                </a:lnTo>
                <a:lnTo>
                  <a:pt x="5295467" y="4889411"/>
                </a:lnTo>
                <a:close/>
                <a:moveTo>
                  <a:pt x="5129101" y="4889411"/>
                </a:moveTo>
                <a:lnTo>
                  <a:pt x="5129101" y="5003417"/>
                </a:lnTo>
                <a:lnTo>
                  <a:pt x="5163900" y="5003417"/>
                </a:lnTo>
                <a:lnTo>
                  <a:pt x="5163900" y="4958581"/>
                </a:lnTo>
                <a:lnTo>
                  <a:pt x="5200126" y="4958581"/>
                </a:lnTo>
                <a:lnTo>
                  <a:pt x="5200126" y="5003417"/>
                </a:lnTo>
                <a:lnTo>
                  <a:pt x="5234926" y="5003417"/>
                </a:lnTo>
                <a:lnTo>
                  <a:pt x="5234926" y="4889411"/>
                </a:lnTo>
                <a:lnTo>
                  <a:pt x="5200126" y="4889411"/>
                </a:lnTo>
                <a:lnTo>
                  <a:pt x="5200126" y="4934732"/>
                </a:lnTo>
                <a:lnTo>
                  <a:pt x="5163900" y="4934732"/>
                </a:lnTo>
                <a:lnTo>
                  <a:pt x="5163900" y="4889411"/>
                </a:lnTo>
                <a:close/>
                <a:moveTo>
                  <a:pt x="5505190" y="4887025"/>
                </a:moveTo>
                <a:cubicBezTo>
                  <a:pt x="5491369" y="4887025"/>
                  <a:pt x="5474686" y="4887976"/>
                  <a:pt x="5462766" y="4889411"/>
                </a:cubicBezTo>
                <a:lnTo>
                  <a:pt x="5462766" y="5003417"/>
                </a:lnTo>
                <a:lnTo>
                  <a:pt x="5497566" y="5003417"/>
                </a:lnTo>
                <a:lnTo>
                  <a:pt x="5497566" y="4976223"/>
                </a:lnTo>
                <a:lnTo>
                  <a:pt x="5509962" y="4976223"/>
                </a:lnTo>
                <a:lnTo>
                  <a:pt x="5509962" y="4976232"/>
                </a:lnTo>
                <a:cubicBezTo>
                  <a:pt x="5542376" y="4976232"/>
                  <a:pt x="5562870" y="4959541"/>
                  <a:pt x="5562870" y="4930436"/>
                </a:cubicBezTo>
                <a:cubicBezTo>
                  <a:pt x="5562870" y="4898479"/>
                  <a:pt x="5540940" y="4887025"/>
                  <a:pt x="5505190" y="4887025"/>
                </a:cubicBezTo>
                <a:close/>
                <a:moveTo>
                  <a:pt x="5057609" y="4887025"/>
                </a:moveTo>
                <a:cubicBezTo>
                  <a:pt x="5043787" y="4887025"/>
                  <a:pt x="5027105" y="4887976"/>
                  <a:pt x="5015185" y="4889411"/>
                </a:cubicBezTo>
                <a:lnTo>
                  <a:pt x="5015185" y="5003417"/>
                </a:lnTo>
                <a:lnTo>
                  <a:pt x="5049985" y="5003417"/>
                </a:lnTo>
                <a:lnTo>
                  <a:pt x="5049985" y="4976223"/>
                </a:lnTo>
                <a:lnTo>
                  <a:pt x="5062380" y="4976223"/>
                </a:lnTo>
                <a:lnTo>
                  <a:pt x="5062371" y="4976232"/>
                </a:lnTo>
                <a:cubicBezTo>
                  <a:pt x="5094785" y="4976232"/>
                  <a:pt x="5115279" y="4959541"/>
                  <a:pt x="5115279" y="4930436"/>
                </a:cubicBezTo>
                <a:cubicBezTo>
                  <a:pt x="5115288" y="4898470"/>
                  <a:pt x="5093359" y="4887025"/>
                  <a:pt x="5057609" y="4887025"/>
                </a:cubicBezTo>
                <a:close/>
                <a:moveTo>
                  <a:pt x="5620541" y="4887016"/>
                </a:moveTo>
                <a:cubicBezTo>
                  <a:pt x="5592414" y="4887016"/>
                  <a:pt x="5573355" y="4898104"/>
                  <a:pt x="5573355" y="4921359"/>
                </a:cubicBezTo>
                <a:cubicBezTo>
                  <a:pt x="5573355" y="4961433"/>
                  <a:pt x="5627698" y="4953325"/>
                  <a:pt x="5627698" y="4971927"/>
                </a:cubicBezTo>
                <a:cubicBezTo>
                  <a:pt x="5627698" y="4979084"/>
                  <a:pt x="5622451" y="4982896"/>
                  <a:pt x="5609590" y="4982896"/>
                </a:cubicBezTo>
                <a:cubicBezTo>
                  <a:pt x="5598145" y="4982896"/>
                  <a:pt x="5580512" y="4979084"/>
                  <a:pt x="5570027" y="4973828"/>
                </a:cubicBezTo>
                <a:lnTo>
                  <a:pt x="5573839" y="5000063"/>
                </a:lnTo>
                <a:cubicBezTo>
                  <a:pt x="5584324" y="5003884"/>
                  <a:pt x="5598630" y="5005785"/>
                  <a:pt x="5610065" y="5005785"/>
                </a:cubicBezTo>
                <a:cubicBezTo>
                  <a:pt x="5639143" y="5005785"/>
                  <a:pt x="5662973" y="4996242"/>
                  <a:pt x="5662973" y="4967621"/>
                </a:cubicBezTo>
                <a:cubicBezTo>
                  <a:pt x="5662973" y="4938999"/>
                  <a:pt x="5632137" y="4935869"/>
                  <a:pt x="5616720" y="4928446"/>
                </a:cubicBezTo>
                <a:lnTo>
                  <a:pt x="5608161" y="4918496"/>
                </a:lnTo>
                <a:lnTo>
                  <a:pt x="5612504" y="4911649"/>
                </a:lnTo>
                <a:cubicBezTo>
                  <a:pt x="5615305" y="4910157"/>
                  <a:pt x="5619357" y="4909439"/>
                  <a:pt x="5624362" y="4909439"/>
                </a:cubicBezTo>
                <a:cubicBezTo>
                  <a:pt x="5635322" y="4909439"/>
                  <a:pt x="5647242" y="4911825"/>
                  <a:pt x="5655340" y="4915161"/>
                </a:cubicBezTo>
                <a:lnTo>
                  <a:pt x="5652479" y="4890352"/>
                </a:lnTo>
                <a:cubicBezTo>
                  <a:pt x="5643421" y="4888442"/>
                  <a:pt x="5635322" y="4887016"/>
                  <a:pt x="5620541" y="4887016"/>
                </a:cubicBezTo>
                <a:close/>
                <a:moveTo>
                  <a:pt x="0" y="0"/>
                </a:moveTo>
                <a:lnTo>
                  <a:pt x="5889128" y="0"/>
                </a:lnTo>
                <a:lnTo>
                  <a:pt x="5889128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3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59367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5889128" cy="5143500"/>
          </a:xfrm>
          <a:prstGeom prst="rect">
            <a:avLst/>
          </a:pr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58065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74673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5563654-036F-6829-E30C-B4D3CB5DDED8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3999" cy="5143500"/>
          </a:xfrm>
          <a:custGeom>
            <a:avLst/>
            <a:gdLst>
              <a:gd name="connsiteX0" fmla="*/ 8863025 w 9143999"/>
              <a:gd name="connsiteY0" fmla="*/ 4918488 h 5143500"/>
              <a:gd name="connsiteX1" fmla="*/ 8863036 w 9143999"/>
              <a:gd name="connsiteY1" fmla="*/ 4918501 h 5143500"/>
              <a:gd name="connsiteX2" fmla="*/ 8863025 w 9143999"/>
              <a:gd name="connsiteY2" fmla="*/ 4918507 h 5143500"/>
              <a:gd name="connsiteX3" fmla="*/ 8758160 w 9143999"/>
              <a:gd name="connsiteY3" fmla="*/ 4908488 h 5143500"/>
              <a:gd name="connsiteX4" fmla="*/ 8783425 w 9143999"/>
              <a:gd name="connsiteY4" fmla="*/ 4930911 h 5143500"/>
              <a:gd name="connsiteX5" fmla="*/ 8758160 w 9143999"/>
              <a:gd name="connsiteY5" fmla="*/ 4955720 h 5143500"/>
              <a:gd name="connsiteX6" fmla="*/ 8752437 w 9143999"/>
              <a:gd name="connsiteY6" fmla="*/ 4955720 h 5143500"/>
              <a:gd name="connsiteX7" fmla="*/ 8752437 w 9143999"/>
              <a:gd name="connsiteY7" fmla="*/ 4908607 h 5143500"/>
              <a:gd name="connsiteX8" fmla="*/ 8758160 w 9143999"/>
              <a:gd name="connsiteY8" fmla="*/ 4908488 h 5143500"/>
              <a:gd name="connsiteX9" fmla="*/ 8310569 w 9143999"/>
              <a:gd name="connsiteY9" fmla="*/ 4908488 h 5143500"/>
              <a:gd name="connsiteX10" fmla="*/ 8335835 w 9143999"/>
              <a:gd name="connsiteY10" fmla="*/ 4930911 h 5143500"/>
              <a:gd name="connsiteX11" fmla="*/ 8310569 w 9143999"/>
              <a:gd name="connsiteY11" fmla="*/ 4955720 h 5143500"/>
              <a:gd name="connsiteX12" fmla="*/ 8304847 w 9143999"/>
              <a:gd name="connsiteY12" fmla="*/ 4955720 h 5143500"/>
              <a:gd name="connsiteX13" fmla="*/ 8304847 w 9143999"/>
              <a:gd name="connsiteY13" fmla="*/ 4908607 h 5143500"/>
              <a:gd name="connsiteX14" fmla="*/ 8310569 w 9143999"/>
              <a:gd name="connsiteY14" fmla="*/ 4908488 h 5143500"/>
              <a:gd name="connsiteX15" fmla="*/ 8656630 w 9143999"/>
              <a:gd name="connsiteY15" fmla="*/ 4889411 h 5143500"/>
              <a:gd name="connsiteX16" fmla="*/ 8656630 w 9143999"/>
              <a:gd name="connsiteY16" fmla="*/ 5003417 h 5143500"/>
              <a:gd name="connsiteX17" fmla="*/ 8691430 w 9143999"/>
              <a:gd name="connsiteY17" fmla="*/ 5003417 h 5143500"/>
              <a:gd name="connsiteX18" fmla="*/ 8691430 w 9143999"/>
              <a:gd name="connsiteY18" fmla="*/ 4889411 h 5143500"/>
              <a:gd name="connsiteX19" fmla="*/ 8576070 w 9143999"/>
              <a:gd name="connsiteY19" fmla="*/ 4889411 h 5143500"/>
              <a:gd name="connsiteX20" fmla="*/ 8576070 w 9143999"/>
              <a:gd name="connsiteY20" fmla="*/ 5003417 h 5143500"/>
              <a:gd name="connsiteX21" fmla="*/ 8638988 w 9143999"/>
              <a:gd name="connsiteY21" fmla="*/ 5003417 h 5143500"/>
              <a:gd name="connsiteX22" fmla="*/ 8644235 w 9143999"/>
              <a:gd name="connsiteY22" fmla="*/ 4980519 h 5143500"/>
              <a:gd name="connsiteX23" fmla="*/ 8610870 w 9143999"/>
              <a:gd name="connsiteY23" fmla="*/ 4980519 h 5143500"/>
              <a:gd name="connsiteX24" fmla="*/ 8610870 w 9143999"/>
              <a:gd name="connsiteY24" fmla="*/ 4889411 h 5143500"/>
              <a:gd name="connsiteX25" fmla="*/ 8515538 w 9143999"/>
              <a:gd name="connsiteY25" fmla="*/ 4889411 h 5143500"/>
              <a:gd name="connsiteX26" fmla="*/ 8515538 w 9143999"/>
              <a:gd name="connsiteY26" fmla="*/ 5003417 h 5143500"/>
              <a:gd name="connsiteX27" fmla="*/ 8550338 w 9143999"/>
              <a:gd name="connsiteY27" fmla="*/ 5003417 h 5143500"/>
              <a:gd name="connsiteX28" fmla="*/ 8550338 w 9143999"/>
              <a:gd name="connsiteY28" fmla="*/ 4889411 h 5143500"/>
              <a:gd name="connsiteX29" fmla="*/ 8383972 w 9143999"/>
              <a:gd name="connsiteY29" fmla="*/ 4889411 h 5143500"/>
              <a:gd name="connsiteX30" fmla="*/ 8383972 w 9143999"/>
              <a:gd name="connsiteY30" fmla="*/ 5003417 h 5143500"/>
              <a:gd name="connsiteX31" fmla="*/ 8418771 w 9143999"/>
              <a:gd name="connsiteY31" fmla="*/ 5003417 h 5143500"/>
              <a:gd name="connsiteX32" fmla="*/ 8418771 w 9143999"/>
              <a:gd name="connsiteY32" fmla="*/ 4958581 h 5143500"/>
              <a:gd name="connsiteX33" fmla="*/ 8454997 w 9143999"/>
              <a:gd name="connsiteY33" fmla="*/ 4958581 h 5143500"/>
              <a:gd name="connsiteX34" fmla="*/ 8454997 w 9143999"/>
              <a:gd name="connsiteY34" fmla="*/ 5003417 h 5143500"/>
              <a:gd name="connsiteX35" fmla="*/ 8489797 w 9143999"/>
              <a:gd name="connsiteY35" fmla="*/ 5003417 h 5143500"/>
              <a:gd name="connsiteX36" fmla="*/ 8489797 w 9143999"/>
              <a:gd name="connsiteY36" fmla="*/ 4889411 h 5143500"/>
              <a:gd name="connsiteX37" fmla="*/ 8454997 w 9143999"/>
              <a:gd name="connsiteY37" fmla="*/ 4889411 h 5143500"/>
              <a:gd name="connsiteX38" fmla="*/ 8454997 w 9143999"/>
              <a:gd name="connsiteY38" fmla="*/ 4934732 h 5143500"/>
              <a:gd name="connsiteX39" fmla="*/ 8418771 w 9143999"/>
              <a:gd name="connsiteY39" fmla="*/ 4934732 h 5143500"/>
              <a:gd name="connsiteX40" fmla="*/ 8418771 w 9143999"/>
              <a:gd name="connsiteY40" fmla="*/ 4889411 h 5143500"/>
              <a:gd name="connsiteX41" fmla="*/ 8760061 w 9143999"/>
              <a:gd name="connsiteY41" fmla="*/ 4887025 h 5143500"/>
              <a:gd name="connsiteX42" fmla="*/ 8717637 w 9143999"/>
              <a:gd name="connsiteY42" fmla="*/ 4889411 h 5143500"/>
              <a:gd name="connsiteX43" fmla="*/ 8717637 w 9143999"/>
              <a:gd name="connsiteY43" fmla="*/ 5003417 h 5143500"/>
              <a:gd name="connsiteX44" fmla="*/ 8752437 w 9143999"/>
              <a:gd name="connsiteY44" fmla="*/ 5003417 h 5143500"/>
              <a:gd name="connsiteX45" fmla="*/ 8752437 w 9143999"/>
              <a:gd name="connsiteY45" fmla="*/ 4976223 h 5143500"/>
              <a:gd name="connsiteX46" fmla="*/ 8764833 w 9143999"/>
              <a:gd name="connsiteY46" fmla="*/ 4976223 h 5143500"/>
              <a:gd name="connsiteX47" fmla="*/ 8764833 w 9143999"/>
              <a:gd name="connsiteY47" fmla="*/ 4976232 h 5143500"/>
              <a:gd name="connsiteX48" fmla="*/ 8817741 w 9143999"/>
              <a:gd name="connsiteY48" fmla="*/ 4930436 h 5143500"/>
              <a:gd name="connsiteX49" fmla="*/ 8760061 w 9143999"/>
              <a:gd name="connsiteY49" fmla="*/ 4887025 h 5143500"/>
              <a:gd name="connsiteX50" fmla="*/ 8312480 w 9143999"/>
              <a:gd name="connsiteY50" fmla="*/ 4887025 h 5143500"/>
              <a:gd name="connsiteX51" fmla="*/ 8270056 w 9143999"/>
              <a:gd name="connsiteY51" fmla="*/ 4889411 h 5143500"/>
              <a:gd name="connsiteX52" fmla="*/ 8270056 w 9143999"/>
              <a:gd name="connsiteY52" fmla="*/ 5003417 h 5143500"/>
              <a:gd name="connsiteX53" fmla="*/ 8304856 w 9143999"/>
              <a:gd name="connsiteY53" fmla="*/ 5003417 h 5143500"/>
              <a:gd name="connsiteX54" fmla="*/ 8304856 w 9143999"/>
              <a:gd name="connsiteY54" fmla="*/ 4976223 h 5143500"/>
              <a:gd name="connsiteX55" fmla="*/ 8317251 w 9143999"/>
              <a:gd name="connsiteY55" fmla="*/ 4976223 h 5143500"/>
              <a:gd name="connsiteX56" fmla="*/ 8317242 w 9143999"/>
              <a:gd name="connsiteY56" fmla="*/ 4976232 h 5143500"/>
              <a:gd name="connsiteX57" fmla="*/ 8370150 w 9143999"/>
              <a:gd name="connsiteY57" fmla="*/ 4930436 h 5143500"/>
              <a:gd name="connsiteX58" fmla="*/ 8312480 w 9143999"/>
              <a:gd name="connsiteY58" fmla="*/ 4887025 h 5143500"/>
              <a:gd name="connsiteX59" fmla="*/ 8875412 w 9143999"/>
              <a:gd name="connsiteY59" fmla="*/ 4887016 h 5143500"/>
              <a:gd name="connsiteX60" fmla="*/ 8828226 w 9143999"/>
              <a:gd name="connsiteY60" fmla="*/ 4921359 h 5143500"/>
              <a:gd name="connsiteX61" fmla="*/ 8882569 w 9143999"/>
              <a:gd name="connsiteY61" fmla="*/ 4971927 h 5143500"/>
              <a:gd name="connsiteX62" fmla="*/ 8864461 w 9143999"/>
              <a:gd name="connsiteY62" fmla="*/ 4982896 h 5143500"/>
              <a:gd name="connsiteX63" fmla="*/ 8824898 w 9143999"/>
              <a:gd name="connsiteY63" fmla="*/ 4973828 h 5143500"/>
              <a:gd name="connsiteX64" fmla="*/ 8828710 w 9143999"/>
              <a:gd name="connsiteY64" fmla="*/ 5000063 h 5143500"/>
              <a:gd name="connsiteX65" fmla="*/ 8864936 w 9143999"/>
              <a:gd name="connsiteY65" fmla="*/ 5005785 h 5143500"/>
              <a:gd name="connsiteX66" fmla="*/ 8917844 w 9143999"/>
              <a:gd name="connsiteY66" fmla="*/ 4967621 h 5143500"/>
              <a:gd name="connsiteX67" fmla="*/ 8871590 w 9143999"/>
              <a:gd name="connsiteY67" fmla="*/ 4928446 h 5143500"/>
              <a:gd name="connsiteX68" fmla="*/ 8863036 w 9143999"/>
              <a:gd name="connsiteY68" fmla="*/ 4918501 h 5143500"/>
              <a:gd name="connsiteX69" fmla="*/ 8879233 w 9143999"/>
              <a:gd name="connsiteY69" fmla="*/ 4909439 h 5143500"/>
              <a:gd name="connsiteX70" fmla="*/ 8910211 w 9143999"/>
              <a:gd name="connsiteY70" fmla="*/ 4915161 h 5143500"/>
              <a:gd name="connsiteX71" fmla="*/ 8907350 w 9143999"/>
              <a:gd name="connsiteY71" fmla="*/ 4890352 h 5143500"/>
              <a:gd name="connsiteX72" fmla="*/ 8875412 w 9143999"/>
              <a:gd name="connsiteY72" fmla="*/ 4887016 h 5143500"/>
              <a:gd name="connsiteX73" fmla="*/ 0 w 9143999"/>
              <a:gd name="connsiteY73" fmla="*/ 0 h 5143500"/>
              <a:gd name="connsiteX74" fmla="*/ 9143999 w 9143999"/>
              <a:gd name="connsiteY74" fmla="*/ 0 h 5143500"/>
              <a:gd name="connsiteX75" fmla="*/ 9143999 w 9143999"/>
              <a:gd name="connsiteY75" fmla="*/ 5143500 h 5143500"/>
              <a:gd name="connsiteX76" fmla="*/ 0 w 9143999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3999" h="5143500">
                <a:moveTo>
                  <a:pt x="8863025" y="4918488"/>
                </a:moveTo>
                <a:lnTo>
                  <a:pt x="8863036" y="4918501"/>
                </a:lnTo>
                <a:lnTo>
                  <a:pt x="8863025" y="4918507"/>
                </a:lnTo>
                <a:close/>
                <a:moveTo>
                  <a:pt x="8758160" y="4908488"/>
                </a:moveTo>
                <a:cubicBezTo>
                  <a:pt x="8775317" y="4908488"/>
                  <a:pt x="8783425" y="4916596"/>
                  <a:pt x="8783425" y="4930911"/>
                </a:cubicBezTo>
                <a:cubicBezTo>
                  <a:pt x="8783425" y="4945701"/>
                  <a:pt x="8776277" y="4955720"/>
                  <a:pt x="8758160" y="4955720"/>
                </a:cubicBezTo>
                <a:lnTo>
                  <a:pt x="8752437" y="4955720"/>
                </a:lnTo>
                <a:lnTo>
                  <a:pt x="8752437" y="4908607"/>
                </a:lnTo>
                <a:cubicBezTo>
                  <a:pt x="8754457" y="4908488"/>
                  <a:pt x="8756368" y="4908488"/>
                  <a:pt x="8758160" y="4908488"/>
                </a:cubicBezTo>
                <a:close/>
                <a:moveTo>
                  <a:pt x="8310569" y="4908488"/>
                </a:moveTo>
                <a:cubicBezTo>
                  <a:pt x="8327727" y="4908488"/>
                  <a:pt x="8335835" y="4916596"/>
                  <a:pt x="8335835" y="4930911"/>
                </a:cubicBezTo>
                <a:cubicBezTo>
                  <a:pt x="8335835" y="4945701"/>
                  <a:pt x="8328687" y="4955720"/>
                  <a:pt x="8310569" y="4955720"/>
                </a:cubicBezTo>
                <a:lnTo>
                  <a:pt x="8304847" y="4955720"/>
                </a:lnTo>
                <a:lnTo>
                  <a:pt x="8304847" y="4908607"/>
                </a:lnTo>
                <a:cubicBezTo>
                  <a:pt x="8306876" y="4908488"/>
                  <a:pt x="8308777" y="4908488"/>
                  <a:pt x="8310569" y="4908488"/>
                </a:cubicBezTo>
                <a:close/>
                <a:moveTo>
                  <a:pt x="8656630" y="4889411"/>
                </a:moveTo>
                <a:lnTo>
                  <a:pt x="8656630" y="5003417"/>
                </a:lnTo>
                <a:lnTo>
                  <a:pt x="8691430" y="5003417"/>
                </a:lnTo>
                <a:lnTo>
                  <a:pt x="8691430" y="4889411"/>
                </a:lnTo>
                <a:close/>
                <a:moveTo>
                  <a:pt x="8576070" y="4889411"/>
                </a:moveTo>
                <a:lnTo>
                  <a:pt x="8576070" y="5003417"/>
                </a:lnTo>
                <a:lnTo>
                  <a:pt x="8638988" y="5003417"/>
                </a:lnTo>
                <a:lnTo>
                  <a:pt x="8644235" y="4980519"/>
                </a:lnTo>
                <a:lnTo>
                  <a:pt x="8610870" y="4980519"/>
                </a:lnTo>
                <a:lnTo>
                  <a:pt x="8610870" y="4889411"/>
                </a:lnTo>
                <a:close/>
                <a:moveTo>
                  <a:pt x="8515538" y="4889411"/>
                </a:moveTo>
                <a:lnTo>
                  <a:pt x="8515538" y="5003417"/>
                </a:lnTo>
                <a:lnTo>
                  <a:pt x="8550338" y="5003417"/>
                </a:lnTo>
                <a:lnTo>
                  <a:pt x="8550338" y="4889411"/>
                </a:lnTo>
                <a:close/>
                <a:moveTo>
                  <a:pt x="8383972" y="4889411"/>
                </a:moveTo>
                <a:lnTo>
                  <a:pt x="8383972" y="5003417"/>
                </a:lnTo>
                <a:lnTo>
                  <a:pt x="8418771" y="5003417"/>
                </a:lnTo>
                <a:lnTo>
                  <a:pt x="8418771" y="4958581"/>
                </a:lnTo>
                <a:lnTo>
                  <a:pt x="8454997" y="4958581"/>
                </a:lnTo>
                <a:lnTo>
                  <a:pt x="8454997" y="5003417"/>
                </a:lnTo>
                <a:lnTo>
                  <a:pt x="8489797" y="5003417"/>
                </a:lnTo>
                <a:lnTo>
                  <a:pt x="8489797" y="4889411"/>
                </a:lnTo>
                <a:lnTo>
                  <a:pt x="8454997" y="4889411"/>
                </a:lnTo>
                <a:lnTo>
                  <a:pt x="8454997" y="4934732"/>
                </a:lnTo>
                <a:lnTo>
                  <a:pt x="8418771" y="4934732"/>
                </a:lnTo>
                <a:lnTo>
                  <a:pt x="8418771" y="4889411"/>
                </a:lnTo>
                <a:close/>
                <a:moveTo>
                  <a:pt x="8760061" y="4887025"/>
                </a:moveTo>
                <a:cubicBezTo>
                  <a:pt x="8746240" y="4887025"/>
                  <a:pt x="8729557" y="4887976"/>
                  <a:pt x="8717637" y="4889411"/>
                </a:cubicBezTo>
                <a:lnTo>
                  <a:pt x="8717637" y="5003417"/>
                </a:lnTo>
                <a:lnTo>
                  <a:pt x="8752437" y="5003417"/>
                </a:lnTo>
                <a:lnTo>
                  <a:pt x="8752437" y="4976223"/>
                </a:lnTo>
                <a:lnTo>
                  <a:pt x="8764833" y="4976223"/>
                </a:lnTo>
                <a:lnTo>
                  <a:pt x="8764833" y="4976232"/>
                </a:lnTo>
                <a:cubicBezTo>
                  <a:pt x="8797247" y="4976232"/>
                  <a:pt x="8817741" y="4959541"/>
                  <a:pt x="8817741" y="4930436"/>
                </a:cubicBezTo>
                <a:cubicBezTo>
                  <a:pt x="8817741" y="4898479"/>
                  <a:pt x="8795811" y="4887025"/>
                  <a:pt x="8760061" y="4887025"/>
                </a:cubicBezTo>
                <a:close/>
                <a:moveTo>
                  <a:pt x="8312480" y="4887025"/>
                </a:moveTo>
                <a:cubicBezTo>
                  <a:pt x="8298658" y="4887025"/>
                  <a:pt x="8281976" y="4887976"/>
                  <a:pt x="8270056" y="4889411"/>
                </a:cubicBezTo>
                <a:lnTo>
                  <a:pt x="8270056" y="5003417"/>
                </a:lnTo>
                <a:lnTo>
                  <a:pt x="8304856" y="5003417"/>
                </a:lnTo>
                <a:lnTo>
                  <a:pt x="8304856" y="4976223"/>
                </a:lnTo>
                <a:lnTo>
                  <a:pt x="8317251" y="4976223"/>
                </a:lnTo>
                <a:lnTo>
                  <a:pt x="8317242" y="4976232"/>
                </a:lnTo>
                <a:cubicBezTo>
                  <a:pt x="8349656" y="4976232"/>
                  <a:pt x="8370150" y="4959541"/>
                  <a:pt x="8370150" y="4930436"/>
                </a:cubicBezTo>
                <a:cubicBezTo>
                  <a:pt x="8370159" y="4898470"/>
                  <a:pt x="8348230" y="4887025"/>
                  <a:pt x="8312480" y="4887025"/>
                </a:cubicBezTo>
                <a:close/>
                <a:moveTo>
                  <a:pt x="8875412" y="4887016"/>
                </a:moveTo>
                <a:cubicBezTo>
                  <a:pt x="8847285" y="4887016"/>
                  <a:pt x="8828226" y="4898104"/>
                  <a:pt x="8828226" y="4921359"/>
                </a:cubicBezTo>
                <a:cubicBezTo>
                  <a:pt x="8828226" y="4961433"/>
                  <a:pt x="8882569" y="4953325"/>
                  <a:pt x="8882569" y="4971927"/>
                </a:cubicBezTo>
                <a:cubicBezTo>
                  <a:pt x="8882569" y="4979084"/>
                  <a:pt x="8877322" y="4982896"/>
                  <a:pt x="8864461" y="4982896"/>
                </a:cubicBezTo>
                <a:cubicBezTo>
                  <a:pt x="8853016" y="4982896"/>
                  <a:pt x="8835383" y="4979084"/>
                  <a:pt x="8824898" y="4973828"/>
                </a:cubicBezTo>
                <a:lnTo>
                  <a:pt x="8828710" y="5000063"/>
                </a:lnTo>
                <a:cubicBezTo>
                  <a:pt x="8839195" y="5003884"/>
                  <a:pt x="8853501" y="5005785"/>
                  <a:pt x="8864936" y="5005785"/>
                </a:cubicBezTo>
                <a:cubicBezTo>
                  <a:pt x="8894014" y="5005785"/>
                  <a:pt x="8917844" y="4996242"/>
                  <a:pt x="8917844" y="4967621"/>
                </a:cubicBezTo>
                <a:cubicBezTo>
                  <a:pt x="8917844" y="4938999"/>
                  <a:pt x="8887008" y="4935869"/>
                  <a:pt x="8871590" y="4928446"/>
                </a:cubicBezTo>
                <a:lnTo>
                  <a:pt x="8863036" y="4918501"/>
                </a:lnTo>
                <a:lnTo>
                  <a:pt x="8879233" y="4909439"/>
                </a:lnTo>
                <a:cubicBezTo>
                  <a:pt x="8890193" y="4909439"/>
                  <a:pt x="8902113" y="4911825"/>
                  <a:pt x="8910211" y="4915161"/>
                </a:cubicBezTo>
                <a:lnTo>
                  <a:pt x="8907350" y="4890352"/>
                </a:lnTo>
                <a:cubicBezTo>
                  <a:pt x="8898292" y="4888442"/>
                  <a:pt x="8890193" y="4887016"/>
                  <a:pt x="8875412" y="4887016"/>
                </a:cubicBezTo>
                <a:close/>
                <a:moveTo>
                  <a:pt x="0" y="0"/>
                </a:moveTo>
                <a:lnTo>
                  <a:pt x="9143999" y="0"/>
                </a:lnTo>
                <a:lnTo>
                  <a:pt x="9143999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87053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5B02D2D-78C2-DF6C-44E7-E210869DEA17}"/>
              </a:ext>
            </a:extLst>
          </p:cNvPr>
          <p:cNvSpPr>
            <a:spLocks noGrp="1"/>
          </p:cNvSpPr>
          <p:nvPr userDrawn="1"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7BCE1C-8B2D-2C20-DA1F-914D85142B69}"/>
              </a:ext>
            </a:extLst>
          </p:cNvPr>
          <p:cNvSpPr>
            <a:spLocks noGrp="1"/>
          </p:cNvSpPr>
          <p:nvPr userDrawn="1"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39A65204-B63A-C92D-8559-99D1D30D9D5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01E91343-BDCF-AC3A-40D7-0F1157E570D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902194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59244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C54A277B-7964-B12B-9A03-B942824271B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27C29E7A-B73D-4E62-4C77-AAD3DBE937A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741259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9621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97991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B5A4746-22DC-AA0B-4718-963106F42FF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EBD3D34-771A-D991-0AFD-D570EC7F6C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lease note: black slides to be used for clinical images only!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51EE049-9196-8C24-394F-BE5DBFD3850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97317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A49C5B3-0EE3-680C-0685-B2F90A2FAF2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6332D85-EA2F-6DDB-7DDF-2C062FF9EA9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8135939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A0211DD-0F60-E2A1-FBD2-3D9D286E69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693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FF834536-5D62-6E74-BF5A-1FF0B9592C5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0614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for clinical case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C5FDB047-9967-2145-80C3-D61266F3B59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0" name="Content Placeholder 6">
            <a:extLst>
              <a:ext uri="{FF2B5EF4-FFF2-40B4-BE49-F238E27FC236}">
                <a16:creationId xmlns:a16="http://schemas.microsoft.com/office/drawing/2014/main" id="{4C3D6067-C121-A6A9-99EE-84CAE8843EE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Content Placeholder 6">
            <a:extLst>
              <a:ext uri="{FF2B5EF4-FFF2-40B4-BE49-F238E27FC236}">
                <a16:creationId xmlns:a16="http://schemas.microsoft.com/office/drawing/2014/main" id="{6DE59561-A21E-9F90-D0F1-D96788F1F4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821466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4A979538-0DC5-6402-C311-241613A2370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46848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2913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8245433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7536EE68-DBDC-3BAA-878D-9EE447BFBAB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64325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F568C8-1BD7-E7B3-38E2-5B7ED0EA40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8132765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D049C77E-35AD-3CFF-778D-2778583A3DA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3DC6205-A83D-C56E-95E7-87AD3BD94FD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98348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B8B6A192-560C-26DF-0654-5406C61E06FE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74557FD-3C88-91B2-A93D-C292FF65A8C2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55312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5A40221-5DA6-10A4-CE38-F9D1C18EE09C}"/>
              </a:ext>
            </a:extLst>
          </p:cNvPr>
          <p:cNvSpPr/>
          <p:nvPr userDrawn="1"/>
        </p:nvSpPr>
        <p:spPr>
          <a:xfrm>
            <a:off x="4572000" y="0"/>
            <a:ext cx="4572000" cy="5143500"/>
          </a:xfrm>
          <a:prstGeom prst="rect">
            <a:avLst/>
          </a:prstGeom>
          <a:solidFill>
            <a:schemeClr val="bg1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200" dirty="0">
              <a:solidFill>
                <a:schemeClr val="bg1"/>
              </a:solidFill>
            </a:endParaRPr>
          </a:p>
        </p:txBody>
      </p:sp>
      <p:pic>
        <p:nvPicPr>
          <p:cNvPr id="16" name="Graphic 15">
            <a:extLst>
              <a:ext uri="{FF2B5EF4-FFF2-40B4-BE49-F238E27FC236}">
                <a16:creationId xmlns:a16="http://schemas.microsoft.com/office/drawing/2014/main" id="{B74FA7A2-C208-CA8F-FF1F-AA1A5D0C4B5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  <p:sp>
        <p:nvSpPr>
          <p:cNvPr id="17" name="Footer Placeholder 4">
            <a:extLst>
              <a:ext uri="{FF2B5EF4-FFF2-40B4-BE49-F238E27FC236}">
                <a16:creationId xmlns:a16="http://schemas.microsoft.com/office/drawing/2014/main" id="{FDDA9136-D3F9-F711-4B85-494AA9FC0C73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75CE4425-35A1-314D-C48B-0DFD71FE951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 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2D7C9E-6318-F070-BCE4-366530922D6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Tx/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A38994D7-FF6E-89BB-7971-44B59E5419D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3657281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14028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Graphic 3">
            <a:extLst>
              <a:ext uri="{FF2B5EF4-FFF2-40B4-BE49-F238E27FC236}">
                <a16:creationId xmlns:a16="http://schemas.microsoft.com/office/drawing/2014/main" id="{2DE5B8F3-CE57-07D8-37DB-2E155FA0A4F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3CF0764-DFB5-2754-87CE-F77CA3FFD3C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760C7FB-B180-5117-2B14-5A6E759E66A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08CC558-3F63-D067-60A8-9C372770394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63967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360DB3D-7BF0-14A1-B8F5-D344164BBEB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30EEF85-22C8-02AB-F7C4-D3F7156CA57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2688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3029D1A3-83DA-8590-DBA0-18A90F22E7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58D52DC9-CECD-E119-65AB-88BD5ED5C2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D0CE73CA-8B06-B187-2902-ACEEB863545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4E49EA-D788-2D1C-DE2B-0028D74CD9E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76661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1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9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96BED03-B79E-768B-FF09-7F2F6229ED2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53356289-1E30-3F0B-BFA0-B9AFF2A1E47D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4">
            <a:extLs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62345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15" r:id="rId1"/>
    <p:sldLayoutId id="2147483916" r:id="rId2"/>
    <p:sldLayoutId id="2147483920" r:id="rId3"/>
    <p:sldLayoutId id="2147483922" r:id="rId4"/>
    <p:sldLayoutId id="2147483951" r:id="rId5"/>
    <p:sldLayoutId id="2147483937" r:id="rId6"/>
    <p:sldLayoutId id="2147483925" r:id="rId7"/>
    <p:sldLayoutId id="2147483926" r:id="rId8"/>
    <p:sldLayoutId id="2147483927" r:id="rId9"/>
    <p:sldLayoutId id="2147483928" r:id="rId10"/>
    <p:sldLayoutId id="2147483958" r:id="rId11"/>
    <p:sldLayoutId id="2147483929" r:id="rId12"/>
    <p:sldLayoutId id="2147483930" r:id="rId13"/>
    <p:sldLayoutId id="2147483931" r:id="rId14"/>
    <p:sldLayoutId id="2147483932" r:id="rId15"/>
    <p:sldLayoutId id="2147483959" r:id="rId16"/>
    <p:sldLayoutId id="2147483936" r:id="rId17"/>
    <p:sldLayoutId id="2147483952" r:id="rId18"/>
    <p:sldLayoutId id="2147483961" r:id="rId19"/>
    <p:sldLayoutId id="2147483940" r:id="rId20"/>
    <p:sldLayoutId id="2147483962" r:id="rId21"/>
    <p:sldLayoutId id="2147483954" r:id="rId22"/>
    <p:sldLayoutId id="2147483934" r:id="rId23"/>
    <p:sldLayoutId id="2147483933" r:id="rId24"/>
    <p:sldLayoutId id="2147483935" r:id="rId25"/>
    <p:sldLayoutId id="2147483953" r:id="rId26"/>
    <p:sldLayoutId id="2147483960" r:id="rId27"/>
    <p:sldLayoutId id="2147483955" r:id="rId28"/>
    <p:sldLayoutId id="2147483956" r:id="rId29"/>
    <p:sldLayoutId id="2147483957" r:id="rId30"/>
    <p:sldLayoutId id="2147483948" r:id="rId31"/>
    <p:sldLayoutId id="2147483950" r:id="rId32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8288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6576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54864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73152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91440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IN" sz="14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474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652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828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006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178">
          <p15:clr>
            <a:srgbClr val="A4A3A4"/>
          </p15:clr>
        </p15:guide>
        <p15:guide id="7" orient="horz" pos="2958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7" Type="http://schemas.openxmlformats.org/officeDocument/2006/relationships/image" Target="../media/image9.png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22F05DF7-6DCF-481F-5322-08E9F73491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LISKOV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C2F786F-AABB-B83C-2E47-61A24A2D580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01A556-1BDB-4DD8-A59A-FE31D3FD182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1</a:t>
            </a:fld>
            <a:endParaRPr lang="en-US" dirty="0"/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A0897EBE-A01E-7247-A702-9BF92827F487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4"/>
          <a:stretch>
            <a:fillRect/>
          </a:stretch>
        </p:blipFill>
        <p:spPr>
          <a:xfrm>
            <a:off x="500063" y="1499570"/>
            <a:ext cx="4071937" cy="2907948"/>
          </a:xfr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0A66C2DA-E2F6-C90A-D68F-5EDAE80E631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335524" y="3015753"/>
            <a:ext cx="3626355" cy="2004303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523EA72F-3F21-0077-D71B-04A883CC779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755605" y="228283"/>
            <a:ext cx="2007654" cy="1121821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403474AA-5507-88A3-3A58-8C2A7689AB8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335524" y="420971"/>
            <a:ext cx="3180269" cy="239100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50763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1969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heme/theme1.xml><?xml version="1.0" encoding="utf-8"?>
<a:theme xmlns:a="http://schemas.openxmlformats.org/drawingml/2006/main" name="Slide Master Only">
  <a:themeElements>
    <a:clrScheme name="Custom 3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CF50"/>
      </a:accent4>
      <a:accent5>
        <a:srgbClr val="FA8DDC"/>
      </a:accent5>
      <a:accent6>
        <a:srgbClr val="D780FF"/>
      </a:accent6>
      <a:hlink>
        <a:srgbClr val="00619F"/>
      </a:hlink>
      <a:folHlink>
        <a:srgbClr val="00629F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91440" tIns="45720" rIns="91440" bIns="4572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CF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CA708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Create a new document." ma:contentTypeScope="" ma:versionID="a5d62425357535963d3d0805dd821f3a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c0c6353d998fc2f0d5f4f356429f6be6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FormConfiguration><![CDATA[{"formFields":[],"formDataEntries":[]}]]></TemplafySlide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6b2685c3-cb74-402e-89a3-cd359bd59e48">
      <UserInfo>
        <DisplayName>Amico, Mario</DisplayName>
        <AccountId>9</AccountId>
        <AccountType/>
      </UserInfo>
      <UserInfo>
        <DisplayName>Szurley, Andrew</DisplayName>
        <AccountId>20</AccountId>
        <AccountType/>
      </UserInfo>
      <UserInfo>
        <DisplayName>Baranyi, Katalin</DisplayName>
        <AccountId>234</AccountId>
        <AccountType/>
      </UserInfo>
    </SharedWithUsers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Behandelaar xmlns="2f7262f3-19e3-4c38-834c-996e2cec5b6c" xsi:nil="true"/>
    <Onderwerp xmlns="2f7262f3-19e3-4c38-834c-996e2cec5b6c" xsi:nil="true"/>
  </documentManagement>
</p:properties>
</file>

<file path=customXml/item4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TemplateConfiguration><![CDATA[{"slideVersion":1,"isValidatorEnabled":false,"isLocked":false,"elementsMetadata":[],"slideId":"982383737904037890","enableDocumentContentUpdater":false,"version":"2.0"}]]></TemplafySlideTemplate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TemplateConfiguration><![CDATA[{"slideVersion":1,"isValidatorEnabled":false,"isLocked":false,"elementsMetadata":[],"slideId":"98238373790403789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EB6CD91-B9E0-4A18-9698-8B340BF10E3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CB6C5B8A-2523-4C45-96AD-58F4F0A1A742}">
  <ds:schemaRefs/>
</ds:datastoreItem>
</file>

<file path=customXml/itemProps3.xml><?xml version="1.0" encoding="utf-8"?>
<ds:datastoreItem xmlns:ds="http://schemas.openxmlformats.org/officeDocument/2006/customXml" ds:itemID="{7A01E660-3AD1-447B-BF94-526C6936E99F}">
  <ds:schemaRefs>
    <ds:schemaRef ds:uri="http://schemas.microsoft.com/office/2006/documentManagement/types"/>
    <ds:schemaRef ds:uri="http://purl.org/dc/elements/1.1/"/>
    <ds:schemaRef ds:uri="http://www.w3.org/XML/1998/namespace"/>
    <ds:schemaRef ds:uri="http://purl.org/dc/dcmitype/"/>
    <ds:schemaRef ds:uri="http://purl.org/dc/terms/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6b2685c3-cb74-402e-89a3-cd359bd59e48"/>
    <ds:schemaRef ds:uri="2f7262f3-19e3-4c38-834c-996e2cec5b6c"/>
  </ds:schemaRefs>
</ds:datastoreItem>
</file>

<file path=customXml/itemProps4.xml><?xml version="1.0" encoding="utf-8"?>
<ds:datastoreItem xmlns:ds="http://schemas.openxmlformats.org/officeDocument/2006/customXml" ds:itemID="{BFBCB3F7-860C-40CC-8532-A042390E68D6}">
  <ds:schemaRefs/>
</ds:datastoreItem>
</file>

<file path=customXml/itemProps5.xml><?xml version="1.0" encoding="utf-8"?>
<ds:datastoreItem xmlns:ds="http://schemas.openxmlformats.org/officeDocument/2006/customXml" ds:itemID="{0FF0764C-21BC-43BC-B9A4-C8EFD22A9D5C}">
  <ds:schemaRefs/>
</ds:datastoreItem>
</file>

<file path=customXml/itemProps6.xml><?xml version="1.0" encoding="utf-8"?>
<ds:datastoreItem xmlns:ds="http://schemas.openxmlformats.org/officeDocument/2006/customXml" ds:itemID="{758FF650-907C-428F-AD7B-6BA9D849A6CB}">
  <ds:schemaRefs/>
</ds:datastoreItem>
</file>

<file path=customXml/itemProps7.xml><?xml version="1.0" encoding="utf-8"?>
<ds:datastoreItem xmlns:ds="http://schemas.openxmlformats.org/officeDocument/2006/customXml" ds:itemID="{91D00BC4-43EF-4297-91F6-F5EF8606EE84}">
  <ds:schemaRefs/>
</ds:datastoreItem>
</file>

<file path=customXml/itemProps8.xml><?xml version="1.0" encoding="utf-8"?>
<ds:datastoreItem xmlns:ds="http://schemas.openxmlformats.org/officeDocument/2006/customXml" ds:itemID="{02D352A2-7C85-4751-A466-2DA9F1503391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F78B89AF-2F74-46A8-B70C-AD4E9921C1E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_Presentation template Jan21</Template>
  <TotalTime>0</TotalTime>
  <Words>2</Words>
  <Application>Microsoft Office PowerPoint</Application>
  <PresentationFormat>On-screen Show (16:9)</PresentationFormat>
  <Paragraphs>2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6" baseType="lpstr">
      <vt:lpstr>Arial</vt:lpstr>
      <vt:lpstr>Calibri</vt:lpstr>
      <vt:lpstr>Calibri Light</vt:lpstr>
      <vt:lpstr>Slide Master Only</vt:lpstr>
      <vt:lpstr>LISKOV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cp:lastModifiedBy>., Puja</cp:lastModifiedBy>
  <cp:revision>4</cp:revision>
  <dcterms:created xsi:type="dcterms:W3CDTF">2024-08-19T08:21:59Z</dcterms:created>
  <dcterms:modified xsi:type="dcterms:W3CDTF">2024-09-02T01:58:0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ContentTypeId">
    <vt:lpwstr>0x010100AED8E6AD952BA74A855EB02C79D83CD1</vt:lpwstr>
  </property>
  <property fmtid="{D5CDD505-2E9C-101B-9397-08002B2CF9AE}" pid="4" name="TemplafyTimeStamp">
    <vt:lpwstr>2024-08-16T15:55:19</vt:lpwstr>
  </property>
  <property fmtid="{D5CDD505-2E9C-101B-9397-08002B2CF9AE}" pid="5" name="TemplafyTenantId">
    <vt:lpwstr>philips</vt:lpwstr>
  </property>
  <property fmtid="{D5CDD505-2E9C-101B-9397-08002B2CF9AE}" pid="6" name="TemplafyTemplateId">
    <vt:lpwstr>982383721481241220</vt:lpwstr>
  </property>
  <property fmtid="{D5CDD505-2E9C-101B-9397-08002B2CF9AE}" pid="7" name="TemplafyUserProfileId">
    <vt:lpwstr>637660083181218568</vt:lpwstr>
  </property>
  <property fmtid="{D5CDD505-2E9C-101B-9397-08002B2CF9AE}" pid="8" name="TemplafyFromBlank">
    <vt:bool>true</vt:bool>
  </property>
</Properties>
</file>